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0"/>
  </p:notesMasterIdLst>
  <p:sldIdLst>
    <p:sldId id="343" r:id="rId2"/>
    <p:sldId id="348" r:id="rId3"/>
    <p:sldId id="352" r:id="rId4"/>
    <p:sldId id="354" r:id="rId5"/>
    <p:sldId id="355" r:id="rId6"/>
    <p:sldId id="353" r:id="rId7"/>
    <p:sldId id="356" r:id="rId8"/>
    <p:sldId id="351" r:id="rId9"/>
  </p:sldIdLst>
  <p:sldSz cx="12192000" cy="6858000"/>
  <p:notesSz cx="6858000" cy="9144000"/>
  <p:custDataLst>
    <p:tags r:id="rId11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166884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6509788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9932305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36865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62008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6" Type="http://schemas.openxmlformats.org/officeDocument/2006/relationships/hyperlink" Target="javascript:window.open('/next_lesson/5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8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Barriers to Reporting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b="1" i="0" u="none" strike="noStrike" dirty="0">
                <a:solidFill>
                  <a:srgbClr val="000000"/>
                </a:solidFill>
                <a:effectLst/>
              </a:rPr>
              <a:t>What can stop them from reporting?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05887" y="1491751"/>
            <a:ext cx="2896695" cy="885146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209863" y="1004340"/>
            <a:ext cx="7959776" cy="4586990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There are several barriers to reporting, some that to the beneficiaries like: </a:t>
            </a:r>
            <a:endParaRPr lang="en-US" sz="2400" dirty="0" smtClean="0">
              <a:solidFill>
                <a:schemeClr val="tx1"/>
              </a:solidFill>
            </a:endParaRPr>
          </a:p>
          <a:p>
            <a:endParaRPr lang="en-US" sz="2400" dirty="0">
              <a:solidFill>
                <a:schemeClr val="tx1"/>
              </a:solidFill>
            </a:endParaRP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 smtClean="0">
                <a:solidFill>
                  <a:schemeClr val="tx1"/>
                </a:solidFill>
              </a:rPr>
              <a:t>Stigma</a:t>
            </a:r>
            <a:endParaRPr lang="en-US" sz="2400" dirty="0">
              <a:solidFill>
                <a:schemeClr val="tx1"/>
              </a:solidFill>
            </a:endParaRP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Shame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Fear of retaliation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Fear of losing assistance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Not knowing how to report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Lack of trust in reporting mechanisms, etc.</a:t>
            </a:r>
          </a:p>
          <a:p>
            <a:pPr algn="ctr"/>
            <a:endParaRPr lang="en-US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79501" y="659567"/>
            <a:ext cx="3411567" cy="1042476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575324" y="1918740"/>
            <a:ext cx="6619953" cy="2203554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Thus, as aid workers we should always create a safe space for beneficiaries for them to be able to open up when they face any difficulty</a:t>
            </a:r>
            <a:r>
              <a:rPr lang="en-US" sz="2400" dirty="0" smtClean="0">
                <a:solidFill>
                  <a:schemeClr val="tx1"/>
                </a:solidFill>
              </a:rPr>
              <a:t>.</a:t>
            </a:r>
            <a:endParaRPr lang="en-US" sz="2400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60524" y="348836"/>
            <a:ext cx="3231476" cy="98744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7348674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200571" y="1427813"/>
            <a:ext cx="7540052" cy="4002374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</a:rPr>
              <a:t>But </a:t>
            </a:r>
            <a:r>
              <a:rPr lang="en-US" sz="2400" dirty="0">
                <a:solidFill>
                  <a:schemeClr val="tx1"/>
                </a:solidFill>
              </a:rPr>
              <a:t>there are some others that apply to aid workers too. When we talk about SEA, we are talking about a misconduct done by a any humanitarian worker.</a:t>
            </a:r>
          </a:p>
          <a:p>
            <a:r>
              <a:rPr lang="en-US" sz="2400" dirty="0">
                <a:solidFill>
                  <a:schemeClr val="tx1"/>
                </a:solidFill>
              </a:rPr>
              <a:t>So if you learn about a misconduct done by a colleague you still need to report to protect the victim and the organization</a:t>
            </a:r>
            <a:r>
              <a:rPr lang="en-US" sz="2400" dirty="0" smtClean="0">
                <a:solidFill>
                  <a:schemeClr val="tx1"/>
                </a:solidFill>
              </a:rPr>
              <a:t>.</a:t>
            </a:r>
            <a:endParaRPr lang="en-US" sz="2400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60524" y="348836"/>
            <a:ext cx="3231476" cy="98744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0893299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200572" y="2203553"/>
            <a:ext cx="7519363" cy="1577715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</a:rPr>
              <a:t>Always </a:t>
            </a:r>
            <a:r>
              <a:rPr lang="en-US" sz="2400" dirty="0">
                <a:solidFill>
                  <a:schemeClr val="tx1"/>
                </a:solidFill>
              </a:rPr>
              <a:t>refrain from talking to the perpetrator about it, this might increase the risks</a:t>
            </a:r>
            <a:r>
              <a:rPr lang="en-US" sz="2400" dirty="0" smtClean="0">
                <a:solidFill>
                  <a:schemeClr val="tx1"/>
                </a:solidFill>
              </a:rPr>
              <a:t>.</a:t>
            </a:r>
            <a:endParaRPr lang="en-US" sz="2400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60524" y="348836"/>
            <a:ext cx="3231476" cy="98744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0043598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279817" y="2098623"/>
            <a:ext cx="7649979" cy="2027420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Lastly, it is important to know that even if the beneficiary is the one who approached the aid worker or he/she approved of the sexual act, it is still considered SEA, 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29402" y="554636"/>
            <a:ext cx="3297837" cy="1007723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5062706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424720" y="2158584"/>
            <a:ext cx="7679963" cy="1708878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</a:rPr>
              <a:t>and </a:t>
            </a:r>
            <a:r>
              <a:rPr lang="en-US" sz="2400" dirty="0">
                <a:solidFill>
                  <a:schemeClr val="tx1"/>
                </a:solidFill>
              </a:rPr>
              <a:t>the perpetrator is the aid worker. He is the one with power, he had to refuse and inform the organization about it. 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29402" y="554636"/>
            <a:ext cx="3297837" cy="1007723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09705633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51056" y="729464"/>
            <a:ext cx="3823134" cy="116823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barriers_reporting"/>
  <p:tag name="ISPRING_PRESENTATION_TITLE" val="barriers_reporting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REEN_RECS_UPDATED" val="C:\Users\hp\Desktop\Projects\Nabad\Nabad\psea\en\lessons\barriers_reporting"/>
  <p:tag name="ISPRING_RESOURCE_FOLDER" val="C:\Users\hp\Desktop\Projects\Nabad\Nabad\psea\en\lessons\barriers_reporting"/>
  <p:tag name="ISPRING_PRESENTATION_PATH" val="C:\Users\hp\Desktop\Projects\Nabad\Nabad\psea\en\lessons\barriers_reporting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655038A6-A3CD-4214-A16F-75D2DE3BAC5E}:355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B17C7B38-7B4B-428D-88D9-516E0C56CFC1}:35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B7B7AD9B-FD62-41D7-AB8F-EB32742EE918}:356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BE349A08-CF9B-45FE-921C-26EEFC844E35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6CAABCA2-9629-450B-9001-6AB2913B662B}:35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94</TotalTime>
  <Words>193</Words>
  <Application>Microsoft Office PowerPoint</Application>
  <PresentationFormat>Widescreen</PresentationFormat>
  <Paragraphs>25</Paragraphs>
  <Slides>8</Slides>
  <Notes>8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8</vt:i4>
      </vt:variant>
    </vt:vector>
  </HeadingPairs>
  <TitlesOfParts>
    <vt:vector size="13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rriers_reporting</dc:title>
  <dc:creator>pc</dc:creator>
  <cp:lastModifiedBy>Maher</cp:lastModifiedBy>
  <cp:revision>763</cp:revision>
  <dcterms:created xsi:type="dcterms:W3CDTF">2022-11-16T16:05:09Z</dcterms:created>
  <dcterms:modified xsi:type="dcterms:W3CDTF">2024-09-19T06:15:41Z</dcterms:modified>
</cp:coreProperties>
</file>